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defaultThemeVersion="124226"/>
  <mc:AlternateContent xmlns:mc="http://schemas.openxmlformats.org/markup-compatibility/2006">
    <mc:Choice Requires="x15">
      <x15ac:absPath xmlns:x15ac="http://schemas.microsoft.com/office/spreadsheetml/2010/11/ac" url="\\kfs01\s1582\8_温泉課\令和７年度\0900庶務\910広報・HP\912HP関連(修正予定日でフォルダを作成)\20250813HP修正\記入例修正案\20250828記入例修正案\"/>
    </mc:Choice>
  </mc:AlternateContent>
  <bookViews>
    <workbookView xWindow="240" yWindow="36" windowWidth="14940" windowHeight="9000"/>
  </bookViews>
  <sheets>
    <sheet name="資料９（掘削）" sheetId="7" r:id="rId1"/>
  </sheets>
  <calcPr calcId="152511"/>
  <customWorkbookViews>
    <customWorkbookView name="大野　文明 - 個人用ビュー" guid="{912F17FF-3841-411D-9F2F-76859782CFA6}" mergeInterval="0" personalView="1" xWindow="926" windowWidth="1007" windowHeight="1080" activeSheetId="1"/>
    <customWorkbookView name="takayanagi - 個人用ビュー" guid="{6380F9B2-A9A5-414D-8DF3-ED7CB2C98AFD}" mergeInterval="0" personalView="1" maximized="1" xWindow="-8" yWindow="-8" windowWidth="1936" windowHeight="1056" activeSheetId="1"/>
  </customWorkbookViews>
</workbook>
</file>

<file path=xl/sharedStrings.xml><?xml version="1.0" encoding="utf-8"?>
<sst xmlns="http://schemas.openxmlformats.org/spreadsheetml/2006/main" count="57" uniqueCount="46">
  <si>
    <t>掘削しようとする地点を明示した図面</t>
    <rPh sb="0" eb="2">
      <t>クッサク</t>
    </rPh>
    <rPh sb="8" eb="10">
      <t>チテン</t>
    </rPh>
    <rPh sb="11" eb="13">
      <t>メイジ</t>
    </rPh>
    <rPh sb="15" eb="17">
      <t>ズメン</t>
    </rPh>
    <phoneticPr fontId="1"/>
  </si>
  <si>
    <t>掘削しようとする地点の付近の見取図</t>
    <rPh sb="0" eb="2">
      <t>クッサク</t>
    </rPh>
    <rPh sb="8" eb="10">
      <t>チテン</t>
    </rPh>
    <rPh sb="11" eb="13">
      <t>フキン</t>
    </rPh>
    <rPh sb="14" eb="17">
      <t>ミトリズ</t>
    </rPh>
    <phoneticPr fontId="1"/>
  </si>
  <si>
    <t>設備の配置図</t>
    <rPh sb="0" eb="2">
      <t>セツビ</t>
    </rPh>
    <rPh sb="3" eb="5">
      <t>ハイチ</t>
    </rPh>
    <rPh sb="5" eb="6">
      <t>ズ</t>
    </rPh>
    <phoneticPr fontId="1"/>
  </si>
  <si>
    <t>主要な設備の構造図</t>
    <rPh sb="0" eb="2">
      <t>シュヨウ</t>
    </rPh>
    <rPh sb="3" eb="5">
      <t>セツビ</t>
    </rPh>
    <rPh sb="6" eb="8">
      <t>コウゾウ</t>
    </rPh>
    <rPh sb="8" eb="9">
      <t>ズ</t>
    </rPh>
    <phoneticPr fontId="1"/>
  </si>
  <si>
    <t>掘削のための施設の位置、構造及び設備並びに掘削の方法が温泉法施行規則第1条の2に規定する基準に適合することを証する書面</t>
    <rPh sb="0" eb="2">
      <t>クッサク</t>
    </rPh>
    <rPh sb="6" eb="8">
      <t>シセツ</t>
    </rPh>
    <rPh sb="9" eb="11">
      <t>イチ</t>
    </rPh>
    <rPh sb="12" eb="14">
      <t>コウゾウ</t>
    </rPh>
    <rPh sb="14" eb="15">
      <t>オヨ</t>
    </rPh>
    <rPh sb="16" eb="18">
      <t>セツビ</t>
    </rPh>
    <rPh sb="18" eb="19">
      <t>ナラ</t>
    </rPh>
    <rPh sb="21" eb="23">
      <t>クッサク</t>
    </rPh>
    <rPh sb="24" eb="26">
      <t>ホウホウ</t>
    </rPh>
    <rPh sb="27" eb="29">
      <t>オンセン</t>
    </rPh>
    <rPh sb="29" eb="30">
      <t>ホウ</t>
    </rPh>
    <rPh sb="30" eb="32">
      <t>セコウ</t>
    </rPh>
    <rPh sb="32" eb="34">
      <t>キソク</t>
    </rPh>
    <rPh sb="34" eb="35">
      <t>ダイ</t>
    </rPh>
    <rPh sb="36" eb="37">
      <t>ジョウ</t>
    </rPh>
    <rPh sb="40" eb="42">
      <t>キテイ</t>
    </rPh>
    <rPh sb="44" eb="46">
      <t>キジュン</t>
    </rPh>
    <rPh sb="47" eb="49">
      <t>テキゴウ</t>
    </rPh>
    <rPh sb="54" eb="55">
      <t>ショウ</t>
    </rPh>
    <rPh sb="57" eb="59">
      <t>ショメン</t>
    </rPh>
    <phoneticPr fontId="1"/>
  </si>
  <si>
    <t>掘削しようとする地点の付近の地形図</t>
    <rPh sb="0" eb="2">
      <t>クッサク</t>
    </rPh>
    <rPh sb="8" eb="10">
      <t>チテン</t>
    </rPh>
    <rPh sb="11" eb="13">
      <t>フキン</t>
    </rPh>
    <rPh sb="14" eb="17">
      <t>チケイズ</t>
    </rPh>
    <phoneticPr fontId="1"/>
  </si>
  <si>
    <t>ゆう出路の計画図</t>
    <rPh sb="2" eb="3">
      <t>シュツ</t>
    </rPh>
    <rPh sb="3" eb="4">
      <t>ロ</t>
    </rPh>
    <rPh sb="5" eb="7">
      <t>ケイカク</t>
    </rPh>
    <rPh sb="7" eb="8">
      <t>ズ</t>
    </rPh>
    <phoneticPr fontId="1"/>
  </si>
  <si>
    <t>掘削の計画書</t>
    <rPh sb="0" eb="2">
      <t>クッサク</t>
    </rPh>
    <rPh sb="3" eb="5">
      <t>ケイカク</t>
    </rPh>
    <rPh sb="5" eb="6">
      <t>ショ</t>
    </rPh>
    <phoneticPr fontId="1"/>
  </si>
  <si>
    <t>当該温泉の温泉利用計画書</t>
    <rPh sb="0" eb="2">
      <t>トウガイ</t>
    </rPh>
    <rPh sb="2" eb="4">
      <t>オンセン</t>
    </rPh>
    <rPh sb="5" eb="7">
      <t>オンセン</t>
    </rPh>
    <rPh sb="7" eb="9">
      <t>リヨウ</t>
    </rPh>
    <rPh sb="9" eb="12">
      <t>ケイカクショ</t>
    </rPh>
    <phoneticPr fontId="1"/>
  </si>
  <si>
    <t>温泉法第3条第2項に規定する権利を有することを証明する書類</t>
    <rPh sb="0" eb="2">
      <t>オンセン</t>
    </rPh>
    <rPh sb="2" eb="3">
      <t>ホウ</t>
    </rPh>
    <rPh sb="3" eb="4">
      <t>ダイ</t>
    </rPh>
    <rPh sb="5" eb="6">
      <t>ジョウ</t>
    </rPh>
    <rPh sb="6" eb="7">
      <t>ダイ</t>
    </rPh>
    <rPh sb="8" eb="9">
      <t>コウ</t>
    </rPh>
    <rPh sb="10" eb="12">
      <t>キテイ</t>
    </rPh>
    <rPh sb="14" eb="16">
      <t>ケンリ</t>
    </rPh>
    <rPh sb="17" eb="18">
      <t>ユウ</t>
    </rPh>
    <rPh sb="23" eb="25">
      <t>ショウメイ</t>
    </rPh>
    <rPh sb="27" eb="29">
      <t>ショルイ</t>
    </rPh>
    <phoneticPr fontId="1"/>
  </si>
  <si>
    <t>温泉の測定施設図</t>
    <rPh sb="0" eb="2">
      <t>オンセン</t>
    </rPh>
    <rPh sb="3" eb="5">
      <t>ソクテイ</t>
    </rPh>
    <rPh sb="5" eb="7">
      <t>シセツ</t>
    </rPh>
    <rPh sb="7" eb="8">
      <t>ズ</t>
    </rPh>
    <phoneticPr fontId="1"/>
  </si>
  <si>
    <t>法人の登記事項証明書</t>
    <rPh sb="0" eb="2">
      <t>ホウジン</t>
    </rPh>
    <rPh sb="3" eb="5">
      <t>トウキ</t>
    </rPh>
    <rPh sb="5" eb="7">
      <t>ジコウ</t>
    </rPh>
    <rPh sb="7" eb="10">
      <t>ショウメイショ</t>
    </rPh>
    <phoneticPr fontId="1"/>
  </si>
  <si>
    <t>内容</t>
    <rPh sb="0" eb="2">
      <t>ナイヨウ</t>
    </rPh>
    <phoneticPr fontId="1"/>
  </si>
  <si>
    <t>温泉掘削許可申請に必要なもの</t>
    <rPh sb="0" eb="2">
      <t>オンセン</t>
    </rPh>
    <rPh sb="2" eb="4">
      <t>クッサク</t>
    </rPh>
    <rPh sb="4" eb="6">
      <t>キョカ</t>
    </rPh>
    <rPh sb="6" eb="8">
      <t>シンセイ</t>
    </rPh>
    <rPh sb="9" eb="11">
      <t>ヒツヨウ</t>
    </rPh>
    <phoneticPr fontId="1"/>
  </si>
  <si>
    <t>書類等</t>
    <rPh sb="0" eb="3">
      <t>ショルイトウ</t>
    </rPh>
    <phoneticPr fontId="1"/>
  </si>
  <si>
    <t>温泉掘削許可申請書</t>
    <rPh sb="0" eb="2">
      <t>オンセン</t>
    </rPh>
    <rPh sb="2" eb="4">
      <t>クッサク</t>
    </rPh>
    <rPh sb="4" eb="6">
      <t>キョカ</t>
    </rPh>
    <rPh sb="6" eb="8">
      <t>シンセイ</t>
    </rPh>
    <rPh sb="8" eb="9">
      <t>ショ</t>
    </rPh>
    <phoneticPr fontId="1"/>
  </si>
  <si>
    <t>温泉法施行規則第1条の2第10号に規定する掘削時災害防止規程</t>
    <rPh sb="0" eb="2">
      <t>オンセン</t>
    </rPh>
    <rPh sb="2" eb="3">
      <t>ホウ</t>
    </rPh>
    <rPh sb="3" eb="5">
      <t>セコウ</t>
    </rPh>
    <rPh sb="5" eb="7">
      <t>キソク</t>
    </rPh>
    <rPh sb="7" eb="8">
      <t>ダイ</t>
    </rPh>
    <rPh sb="9" eb="10">
      <t>ジョウ</t>
    </rPh>
    <rPh sb="12" eb="13">
      <t>ダイ</t>
    </rPh>
    <rPh sb="15" eb="16">
      <t>ゴウ</t>
    </rPh>
    <rPh sb="17" eb="19">
      <t>キテイ</t>
    </rPh>
    <rPh sb="21" eb="23">
      <t>クッサク</t>
    </rPh>
    <rPh sb="23" eb="24">
      <t>ジ</t>
    </rPh>
    <rPh sb="24" eb="26">
      <t>サイガイ</t>
    </rPh>
    <rPh sb="26" eb="28">
      <t>ボウシ</t>
    </rPh>
    <rPh sb="28" eb="30">
      <t>キテイ</t>
    </rPh>
    <phoneticPr fontId="1"/>
  </si>
  <si>
    <t>根拠</t>
    <rPh sb="0" eb="2">
      <t>コンキョ</t>
    </rPh>
    <phoneticPr fontId="1"/>
  </si>
  <si>
    <t>規則
細則</t>
    <rPh sb="0" eb="2">
      <t>キソク</t>
    </rPh>
    <rPh sb="3" eb="5">
      <t>サイソク</t>
    </rPh>
    <phoneticPr fontId="1"/>
  </si>
  <si>
    <t>規則</t>
    <rPh sb="0" eb="2">
      <t>キソク</t>
    </rPh>
    <phoneticPr fontId="1"/>
  </si>
  <si>
    <t>条例</t>
    <rPh sb="0" eb="2">
      <t>ジョウレイ</t>
    </rPh>
    <phoneticPr fontId="1"/>
  </si>
  <si>
    <t>細則</t>
    <rPh sb="0" eb="2">
      <t>サイソク</t>
    </rPh>
    <phoneticPr fontId="1"/>
  </si>
  <si>
    <t>・不動産登記法第14条に定める地図又はそれに準ずる図面</t>
    <rPh sb="1" eb="4">
      <t>フドウサン</t>
    </rPh>
    <rPh sb="4" eb="7">
      <t>トウキホウ</t>
    </rPh>
    <rPh sb="7" eb="8">
      <t>ダイ</t>
    </rPh>
    <rPh sb="10" eb="11">
      <t>ジョウ</t>
    </rPh>
    <rPh sb="12" eb="13">
      <t>サダ</t>
    </rPh>
    <rPh sb="15" eb="17">
      <t>チズ</t>
    </rPh>
    <rPh sb="17" eb="18">
      <t>マタ</t>
    </rPh>
    <rPh sb="22" eb="23">
      <t>ジュン</t>
    </rPh>
    <rPh sb="25" eb="27">
      <t>ズメン</t>
    </rPh>
    <phoneticPr fontId="1"/>
  </si>
  <si>
    <t>掘削しようとする地点の公図</t>
    <rPh sb="0" eb="2">
      <t>クッサク</t>
    </rPh>
    <rPh sb="8" eb="10">
      <t>チテン</t>
    </rPh>
    <rPh sb="11" eb="13">
      <t>コウズ</t>
    </rPh>
    <phoneticPr fontId="1"/>
  </si>
  <si>
    <t>※申請書及び添付書類(２～14)はそれぞれ４部提出してください。（１部は控え用です）</t>
    <rPh sb="1" eb="3">
      <t>シンセイ</t>
    </rPh>
    <rPh sb="3" eb="4">
      <t>ショ</t>
    </rPh>
    <rPh sb="4" eb="5">
      <t>オヨ</t>
    </rPh>
    <rPh sb="6" eb="8">
      <t>テンプ</t>
    </rPh>
    <rPh sb="8" eb="10">
      <t>ショルイ</t>
    </rPh>
    <rPh sb="22" eb="23">
      <t>ブ</t>
    </rPh>
    <rPh sb="23" eb="25">
      <t>テイシュツ</t>
    </rPh>
    <phoneticPr fontId="1"/>
  </si>
  <si>
    <t>・掘削予定地点と付近の対象物との距離を明示してください｡</t>
    <rPh sb="1" eb="3">
      <t>クッサク</t>
    </rPh>
    <rPh sb="3" eb="5">
      <t>ヨテイ</t>
    </rPh>
    <rPh sb="5" eb="7">
      <t>チテン</t>
    </rPh>
    <rPh sb="8" eb="10">
      <t>フキン</t>
    </rPh>
    <rPh sb="11" eb="14">
      <t>タイショウブツ</t>
    </rPh>
    <rPh sb="16" eb="18">
      <t>キョリ</t>
    </rPh>
    <rPh sb="19" eb="21">
      <t>メイジ</t>
    </rPh>
    <phoneticPr fontId="1"/>
  </si>
  <si>
    <t>・掘削予定地点及び付近対象物の現場写真を添付してください｡</t>
  </si>
  <si>
    <t>・運用通知記載例1-1を参考に作成してください｡</t>
    <rPh sb="1" eb="3">
      <t>ウンヨウ</t>
    </rPh>
    <rPh sb="3" eb="5">
      <t>ツウチ</t>
    </rPh>
    <rPh sb="5" eb="7">
      <t>キサイ</t>
    </rPh>
    <rPh sb="7" eb="8">
      <t>レイ</t>
    </rPh>
    <rPh sb="12" eb="14">
      <t>サンコウ</t>
    </rPh>
    <rPh sb="15" eb="17">
      <t>サクセイ</t>
    </rPh>
    <phoneticPr fontId="1"/>
  </si>
  <si>
    <t>・当該地を掘削のために使用する権利を有しているという証明
・運用通知別表2に掲げるものを用意してください｡
　(土地の登記事項証明書など)</t>
    <rPh sb="1" eb="3">
      <t>トウガイ</t>
    </rPh>
    <rPh sb="3" eb="4">
      <t>チ</t>
    </rPh>
    <rPh sb="5" eb="7">
      <t>クッサク</t>
    </rPh>
    <rPh sb="11" eb="13">
      <t>シヨウ</t>
    </rPh>
    <rPh sb="15" eb="17">
      <t>ケンリ</t>
    </rPh>
    <rPh sb="18" eb="19">
      <t>ユウ</t>
    </rPh>
    <rPh sb="26" eb="28">
      <t>ショウメイ</t>
    </rPh>
    <rPh sb="30" eb="32">
      <t>ウンヨウ</t>
    </rPh>
    <rPh sb="32" eb="34">
      <t>ツウチ</t>
    </rPh>
    <rPh sb="34" eb="36">
      <t>ベッピョウ</t>
    </rPh>
    <rPh sb="38" eb="39">
      <t>カカ</t>
    </rPh>
    <rPh sb="44" eb="46">
      <t>ヨウイ</t>
    </rPh>
    <phoneticPr fontId="1"/>
  </si>
  <si>
    <t>・法務局発行の履歴事項全部証明書など
　(※申請者が法人の場合のみ｡確認後はお返しします｡)</t>
    <rPh sb="1" eb="4">
      <t>ホウムキョク</t>
    </rPh>
    <rPh sb="4" eb="6">
      <t>ハッコウ</t>
    </rPh>
    <rPh sb="7" eb="9">
      <t>リレキ</t>
    </rPh>
    <rPh sb="9" eb="11">
      <t>ジコウ</t>
    </rPh>
    <rPh sb="11" eb="13">
      <t>ゼンブ</t>
    </rPh>
    <rPh sb="13" eb="16">
      <t>ショウメイショ</t>
    </rPh>
    <rPh sb="22" eb="25">
      <t>シンセイシャ</t>
    </rPh>
    <rPh sb="26" eb="28">
      <t>ホウジン</t>
    </rPh>
    <rPh sb="29" eb="31">
      <t>バアイ</t>
    </rPh>
    <rPh sb="34" eb="36">
      <t>カクニン</t>
    </rPh>
    <rPh sb="36" eb="37">
      <t>ゴ</t>
    </rPh>
    <rPh sb="39" eb="40">
      <t>カエ</t>
    </rPh>
    <phoneticPr fontId="1"/>
  </si>
  <si>
    <t>・原則として､市町村作成の1/2,500の地図</t>
    <rPh sb="1" eb="3">
      <t>ゲンソク</t>
    </rPh>
    <rPh sb="7" eb="10">
      <t>シチョウソン</t>
    </rPh>
    <rPh sb="10" eb="12">
      <t>サクセイ</t>
    </rPh>
    <rPh sb="21" eb="23">
      <t>チズ</t>
    </rPh>
    <phoneticPr fontId="1"/>
  </si>
  <si>
    <t>・原動機､やぐら､ドローワークス､主要泥水ポンプ､噴出防止
装置の詳細図（説明書､カタログなど）</t>
    <rPh sb="1" eb="4">
      <t>ゲンドウキ</t>
    </rPh>
    <rPh sb="17" eb="19">
      <t>シュヨウ</t>
    </rPh>
    <rPh sb="19" eb="21">
      <t>デイスイ</t>
    </rPh>
    <rPh sb="25" eb="27">
      <t>フンシュツ</t>
    </rPh>
    <rPh sb="27" eb="29">
      <t>ボウシ</t>
    </rPh>
    <rPh sb="30" eb="32">
      <t>ソウチ</t>
    </rPh>
    <rPh sb="33" eb="36">
      <t>ショウサイズ</t>
    </rPh>
    <rPh sb="37" eb="40">
      <t>セツメイショ</t>
    </rPh>
    <phoneticPr fontId="1"/>
  </si>
  <si>
    <t>・ゆう出路に挿入する全ての管及び裸孔部の状況を示したゆう出路断面図
・深度､水止め位置､標高､掘削業者名を記入してください｡
・運用通知記載例2を参考に作成してください｡</t>
    <rPh sb="3" eb="4">
      <t>シュツ</t>
    </rPh>
    <rPh sb="4" eb="5">
      <t>ロ</t>
    </rPh>
    <rPh sb="6" eb="8">
      <t>ソウニュウ</t>
    </rPh>
    <rPh sb="10" eb="11">
      <t>スベ</t>
    </rPh>
    <rPh sb="13" eb="14">
      <t>カン</t>
    </rPh>
    <rPh sb="14" eb="15">
      <t>オヨ</t>
    </rPh>
    <rPh sb="16" eb="17">
      <t>ラ</t>
    </rPh>
    <rPh sb="17" eb="18">
      <t>コウ</t>
    </rPh>
    <rPh sb="18" eb="19">
      <t>ブ</t>
    </rPh>
    <rPh sb="20" eb="22">
      <t>ジョウキョウ</t>
    </rPh>
    <rPh sb="23" eb="24">
      <t>シメ</t>
    </rPh>
    <rPh sb="28" eb="29">
      <t>シュツ</t>
    </rPh>
    <rPh sb="29" eb="30">
      <t>ロ</t>
    </rPh>
    <rPh sb="30" eb="32">
      <t>ダンメン</t>
    </rPh>
    <rPh sb="32" eb="33">
      <t>ズ</t>
    </rPh>
    <rPh sb="35" eb="37">
      <t>シンド</t>
    </rPh>
    <rPh sb="38" eb="40">
      <t>ミズド</t>
    </rPh>
    <rPh sb="41" eb="43">
      <t>イチ</t>
    </rPh>
    <rPh sb="44" eb="46">
      <t>ヒョウコウ</t>
    </rPh>
    <rPh sb="47" eb="49">
      <t>クッサク</t>
    </rPh>
    <rPh sb="49" eb="51">
      <t>ギョウシャ</t>
    </rPh>
    <rPh sb="51" eb="52">
      <t>メイ</t>
    </rPh>
    <rPh sb="53" eb="55">
      <t>キニュウ</t>
    </rPh>
    <rPh sb="64" eb="66">
      <t>ウンヨウ</t>
    </rPh>
    <rPh sb="66" eb="68">
      <t>ツウチ</t>
    </rPh>
    <rPh sb="68" eb="70">
      <t>キサイ</t>
    </rPh>
    <rPh sb="70" eb="71">
      <t>レイ</t>
    </rPh>
    <rPh sb="73" eb="75">
      <t>サンコウ</t>
    </rPh>
    <rPh sb="76" eb="78">
      <t>サクセイ</t>
    </rPh>
    <phoneticPr fontId="1"/>
  </si>
  <si>
    <t>・温泉利用の目的､利用する施設計画､温泉必要量等を記載してください｡</t>
    <rPh sb="1" eb="3">
      <t>オンセン</t>
    </rPh>
    <rPh sb="3" eb="5">
      <t>リヨウ</t>
    </rPh>
    <rPh sb="6" eb="8">
      <t>モクテキ</t>
    </rPh>
    <rPh sb="9" eb="11">
      <t>リヨウ</t>
    </rPh>
    <rPh sb="13" eb="15">
      <t>シセツ</t>
    </rPh>
    <rPh sb="15" eb="17">
      <t>ケイカク</t>
    </rPh>
    <rPh sb="18" eb="20">
      <t>オンセン</t>
    </rPh>
    <rPh sb="20" eb="22">
      <t>ヒツヨウ</t>
    </rPh>
    <rPh sb="22" eb="23">
      <t>リョウ</t>
    </rPh>
    <rPh sb="23" eb="24">
      <t>トウ</t>
    </rPh>
    <rPh sb="25" eb="27">
      <t>キサイ</t>
    </rPh>
    <phoneticPr fontId="1"/>
  </si>
  <si>
    <t>・温泉の水位､温度､揚湯量を測定するための施設の平面図､立面図及び位置を明示した図</t>
    <rPh sb="1" eb="3">
      <t>オンセン</t>
    </rPh>
    <rPh sb="4" eb="6">
      <t>スイイ</t>
    </rPh>
    <rPh sb="7" eb="9">
      <t>オンド</t>
    </rPh>
    <rPh sb="10" eb="13">
      <t>ヨウトウ</t>
    </rPh>
    <rPh sb="14" eb="16">
      <t>ソクテイ</t>
    </rPh>
    <rPh sb="21" eb="23">
      <t>シセツ</t>
    </rPh>
    <rPh sb="24" eb="27">
      <t>ヘイメンズ</t>
    </rPh>
    <rPh sb="28" eb="31">
      <t>リツメンズ</t>
    </rPh>
    <rPh sb="31" eb="32">
      <t>オヨ</t>
    </rPh>
    <rPh sb="33" eb="35">
      <t>イチ</t>
    </rPh>
    <rPh sb="36" eb="38">
      <t>メイジ</t>
    </rPh>
    <rPh sb="40" eb="41">
      <t>ズ</t>
    </rPh>
    <phoneticPr fontId="1"/>
  </si>
  <si>
    <t>申請手数料　131,480円</t>
    <rPh sb="0" eb="2">
      <t>シンセイ</t>
    </rPh>
    <rPh sb="2" eb="5">
      <t>テスウリョウ</t>
    </rPh>
    <rPh sb="13" eb="14">
      <t>エン</t>
    </rPh>
    <phoneticPr fontId="1"/>
  </si>
  <si>
    <t>運用
通知</t>
    <rPh sb="0" eb="2">
      <t>ウンヨウ</t>
    </rPh>
    <rPh sb="3" eb="5">
      <t>ツウチ</t>
    </rPh>
    <phoneticPr fontId="1"/>
  </si>
  <si>
    <t>・掘削のための施設の位置､構造､及び設備並びに掘削の方法が可燃性天然ガスによる災害の防止に関する技術上の基準に適合することを証する書面
・運用通知別表1に記入してください｡
・使用するガス検知器､携帯型ガス測定器､消火器の詳細図(説明書､カタログなど）</t>
    <rPh sb="1" eb="3">
      <t>クッサク</t>
    </rPh>
    <rPh sb="7" eb="9">
      <t>シセツ</t>
    </rPh>
    <rPh sb="10" eb="12">
      <t>イチ</t>
    </rPh>
    <rPh sb="13" eb="15">
      <t>コウゾウ</t>
    </rPh>
    <rPh sb="16" eb="17">
      <t>オヨ</t>
    </rPh>
    <rPh sb="18" eb="20">
      <t>セツビ</t>
    </rPh>
    <rPh sb="20" eb="21">
      <t>ナラ</t>
    </rPh>
    <rPh sb="23" eb="25">
      <t>クッサク</t>
    </rPh>
    <rPh sb="26" eb="28">
      <t>ホウホウ</t>
    </rPh>
    <rPh sb="29" eb="32">
      <t>カネンセイ</t>
    </rPh>
    <rPh sb="32" eb="34">
      <t>テンネン</t>
    </rPh>
    <rPh sb="39" eb="41">
      <t>サイガイ</t>
    </rPh>
    <rPh sb="42" eb="44">
      <t>ボウシ</t>
    </rPh>
    <rPh sb="45" eb="46">
      <t>カン</t>
    </rPh>
    <rPh sb="48" eb="50">
      <t>ギジュツ</t>
    </rPh>
    <rPh sb="50" eb="51">
      <t>ジョウ</t>
    </rPh>
    <rPh sb="52" eb="54">
      <t>キジュン</t>
    </rPh>
    <rPh sb="55" eb="57">
      <t>テキゴウ</t>
    </rPh>
    <rPh sb="62" eb="63">
      <t>ショウ</t>
    </rPh>
    <rPh sb="65" eb="67">
      <t>ショメン</t>
    </rPh>
    <rPh sb="69" eb="71">
      <t>ウンヨウ</t>
    </rPh>
    <rPh sb="71" eb="73">
      <t>ツウチ</t>
    </rPh>
    <rPh sb="73" eb="75">
      <t>ベッピョウ</t>
    </rPh>
    <rPh sb="77" eb="79">
      <t>キニュウ</t>
    </rPh>
    <rPh sb="88" eb="90">
      <t>シヨウ</t>
    </rPh>
    <rPh sb="98" eb="100">
      <t>ケイタイ</t>
    </rPh>
    <rPh sb="100" eb="101">
      <t>ガタ</t>
    </rPh>
    <rPh sb="103" eb="106">
      <t>ソクテイキ</t>
    </rPh>
    <phoneticPr fontId="1"/>
  </si>
  <si>
    <t>・国土地理院作成の1/25,000の地形図
・大深度温泉（深度1,000ｍ以上）を掘削する場合は半径1,000ｍの円を描き､最寄りの大深度温泉井（既許可地点を含む｡）との距離を明示してください｡</t>
    <rPh sb="1" eb="3">
      <t>コクド</t>
    </rPh>
    <rPh sb="3" eb="5">
      <t>チリ</t>
    </rPh>
    <rPh sb="5" eb="6">
      <t>イン</t>
    </rPh>
    <rPh sb="6" eb="8">
      <t>サクセイ</t>
    </rPh>
    <rPh sb="18" eb="21">
      <t>チケイズ</t>
    </rPh>
    <rPh sb="23" eb="26">
      <t>ダイシンド</t>
    </rPh>
    <rPh sb="26" eb="28">
      <t>オンセン</t>
    </rPh>
    <rPh sb="29" eb="31">
      <t>シンド</t>
    </rPh>
    <rPh sb="37" eb="39">
      <t>イジョウ</t>
    </rPh>
    <rPh sb="41" eb="43">
      <t>クッサク</t>
    </rPh>
    <rPh sb="45" eb="47">
      <t>バアイ</t>
    </rPh>
    <rPh sb="48" eb="50">
      <t>ハンケイ</t>
    </rPh>
    <rPh sb="57" eb="58">
      <t>エン</t>
    </rPh>
    <rPh sb="59" eb="60">
      <t>カ</t>
    </rPh>
    <rPh sb="62" eb="64">
      <t>モヨ</t>
    </rPh>
    <rPh sb="66" eb="69">
      <t>ダイシンド</t>
    </rPh>
    <rPh sb="69" eb="72">
      <t>オンセンセイ</t>
    </rPh>
    <rPh sb="73" eb="74">
      <t>キ</t>
    </rPh>
    <rPh sb="74" eb="76">
      <t>キョカ</t>
    </rPh>
    <rPh sb="76" eb="78">
      <t>チテン</t>
    </rPh>
    <rPh sb="79" eb="80">
      <t>フク</t>
    </rPh>
    <rPh sb="85" eb="87">
      <t>キョリ</t>
    </rPh>
    <rPh sb="88" eb="90">
      <t>メイジ</t>
    </rPh>
    <phoneticPr fontId="1"/>
  </si>
  <si>
    <t>・掘削現場を上部から見た平面図
・原動機､やぐら､ドローワークス､主要泥水ポンプ､噴出防止装置､ガス警報器､消火器､工事事務所､倉庫､掲示板などの配置状況を記載してください｡
・敷地境界と掘削口の位置関係を示し､距離を明示してください｡
・掘削口を中心に半径８ｍの円を描き､火気使用制限範囲､関係者の立入制限範囲を明示してください｡</t>
    <rPh sb="1" eb="3">
      <t>クッサク</t>
    </rPh>
    <rPh sb="3" eb="5">
      <t>ゲンバ</t>
    </rPh>
    <rPh sb="6" eb="8">
      <t>ジョウブ</t>
    </rPh>
    <rPh sb="10" eb="11">
      <t>ミ</t>
    </rPh>
    <rPh sb="12" eb="15">
      <t>ヘイメンズ</t>
    </rPh>
    <rPh sb="17" eb="20">
      <t>ゲンドウキ</t>
    </rPh>
    <rPh sb="33" eb="35">
      <t>シュヨウ</t>
    </rPh>
    <rPh sb="35" eb="37">
      <t>デイスイ</t>
    </rPh>
    <rPh sb="41" eb="43">
      <t>フンシュツ</t>
    </rPh>
    <rPh sb="43" eb="45">
      <t>ボウシ</t>
    </rPh>
    <rPh sb="45" eb="47">
      <t>ソウチ</t>
    </rPh>
    <rPh sb="50" eb="53">
      <t>ケイホウキ</t>
    </rPh>
    <rPh sb="54" eb="57">
      <t>ショウカキ</t>
    </rPh>
    <rPh sb="58" eb="60">
      <t>コウジ</t>
    </rPh>
    <rPh sb="60" eb="62">
      <t>ジム</t>
    </rPh>
    <rPh sb="62" eb="63">
      <t>ショ</t>
    </rPh>
    <rPh sb="64" eb="66">
      <t>ソウコ</t>
    </rPh>
    <rPh sb="73" eb="75">
      <t>ハイチ</t>
    </rPh>
    <rPh sb="75" eb="77">
      <t>ジョウキョウ</t>
    </rPh>
    <rPh sb="89" eb="91">
      <t>シキチ</t>
    </rPh>
    <rPh sb="91" eb="93">
      <t>キョウカイ</t>
    </rPh>
    <rPh sb="94" eb="96">
      <t>クッサク</t>
    </rPh>
    <rPh sb="96" eb="97">
      <t>クチ</t>
    </rPh>
    <rPh sb="98" eb="100">
      <t>イチ</t>
    </rPh>
    <rPh sb="100" eb="102">
      <t>カンケイ</t>
    </rPh>
    <rPh sb="103" eb="104">
      <t>シメ</t>
    </rPh>
    <rPh sb="106" eb="108">
      <t>キョリ</t>
    </rPh>
    <rPh sb="109" eb="111">
      <t>メイジ</t>
    </rPh>
    <rPh sb="120" eb="122">
      <t>クッサク</t>
    </rPh>
    <rPh sb="122" eb="123">
      <t>コウ</t>
    </rPh>
    <rPh sb="124" eb="126">
      <t>チュウシン</t>
    </rPh>
    <rPh sb="127" eb="129">
      <t>ハンケイ</t>
    </rPh>
    <rPh sb="132" eb="133">
      <t>エン</t>
    </rPh>
    <rPh sb="134" eb="135">
      <t>カ</t>
    </rPh>
    <rPh sb="137" eb="139">
      <t>カキ</t>
    </rPh>
    <rPh sb="139" eb="141">
      <t>シヨウ</t>
    </rPh>
    <rPh sb="141" eb="143">
      <t>セイゲン</t>
    </rPh>
    <rPh sb="143" eb="145">
      <t>ハンイ</t>
    </rPh>
    <rPh sb="146" eb="149">
      <t>カンケイシャ</t>
    </rPh>
    <rPh sb="150" eb="151">
      <t>タ</t>
    </rPh>
    <rPh sb="151" eb="152">
      <t>イ</t>
    </rPh>
    <rPh sb="152" eb="154">
      <t>セイゲン</t>
    </rPh>
    <rPh sb="154" eb="156">
      <t>ハンイ</t>
    </rPh>
    <rPh sb="157" eb="159">
      <t>メイジ</t>
    </rPh>
    <phoneticPr fontId="1"/>
  </si>
  <si>
    <t>・各保健福祉事務所窓口又は小田原保健福祉事務所ホームページで入手</t>
    <rPh sb="1" eb="2">
      <t>カク</t>
    </rPh>
    <rPh sb="2" eb="4">
      <t>ホケン</t>
    </rPh>
    <rPh sb="4" eb="6">
      <t>フクシ</t>
    </rPh>
    <rPh sb="6" eb="8">
      <t>ジム</t>
    </rPh>
    <rPh sb="8" eb="9">
      <t>ショ</t>
    </rPh>
    <rPh sb="9" eb="11">
      <t>マドグチ</t>
    </rPh>
    <rPh sb="11" eb="12">
      <t>マタ</t>
    </rPh>
    <rPh sb="13" eb="16">
      <t>オダワラ</t>
    </rPh>
    <rPh sb="16" eb="18">
      <t>ホケン</t>
    </rPh>
    <rPh sb="18" eb="20">
      <t>フクシ</t>
    </rPh>
    <rPh sb="20" eb="22">
      <t>ジム</t>
    </rPh>
    <rPh sb="22" eb="23">
      <t>ショ</t>
    </rPh>
    <rPh sb="30" eb="32">
      <t>ニュウシュ</t>
    </rPh>
    <phoneticPr fontId="1"/>
  </si>
  <si>
    <t>の測定と作成図への記名押印が必要です｡</t>
    <phoneticPr fontId="1"/>
  </si>
  <si>
    <t>・半径200ｍ以内に源泉がある場合は､測量士による実測距離(水平距離)の</t>
    <rPh sb="30" eb="32">
      <t>スイヘイ</t>
    </rPh>
    <rPh sb="32" eb="34">
      <t>キョリ</t>
    </rPh>
    <phoneticPr fontId="1"/>
  </si>
  <si>
    <t>できます｡</t>
    <phoneticPr fontId="1"/>
  </si>
  <si>
    <t>（https://www.pref.kanagawa.jp/docs/m7k/onsen/p2117.html）</t>
    <phoneticPr fontId="1"/>
  </si>
  <si>
    <t>・コア及びスライム採取､孔底温度測定､基礎工事(グラウト含む｡)､ゆう出路内検層(温度検層､電気検層)､揚湯試験(段階揚湯試験､連続揚湯試験､水位回復試験)､温泉分析､メタンの量の測定､排水・騒音の安全対策の計画も記載してください｡
・掘削予定地点および掘削予定深度の選定理由を記載してください｡</t>
    <rPh sb="3" eb="4">
      <t>オヨ</t>
    </rPh>
    <rPh sb="9" eb="11">
      <t>サイシュ</t>
    </rPh>
    <rPh sb="12" eb="14">
      <t>コウテイ</t>
    </rPh>
    <rPh sb="14" eb="16">
      <t>オンド</t>
    </rPh>
    <rPh sb="16" eb="18">
      <t>ソクテイ</t>
    </rPh>
    <rPh sb="19" eb="21">
      <t>キソ</t>
    </rPh>
    <rPh sb="21" eb="23">
      <t>コウジ</t>
    </rPh>
    <rPh sb="28" eb="29">
      <t>フク</t>
    </rPh>
    <rPh sb="35" eb="36">
      <t>シュツ</t>
    </rPh>
    <rPh sb="36" eb="37">
      <t>ロ</t>
    </rPh>
    <rPh sb="37" eb="38">
      <t>ナイ</t>
    </rPh>
    <rPh sb="38" eb="40">
      <t>ケンソウ</t>
    </rPh>
    <rPh sb="41" eb="43">
      <t>オンド</t>
    </rPh>
    <rPh sb="43" eb="45">
      <t>ケンソウ</t>
    </rPh>
    <rPh sb="46" eb="48">
      <t>デンキ</t>
    </rPh>
    <rPh sb="48" eb="50">
      <t>ケンソウ</t>
    </rPh>
    <rPh sb="52" eb="54">
      <t>ヨウトウ</t>
    </rPh>
    <rPh sb="54" eb="56">
      <t>シケン</t>
    </rPh>
    <rPh sb="57" eb="59">
      <t>ダンカイ</t>
    </rPh>
    <rPh sb="59" eb="61">
      <t>ヨウトウ</t>
    </rPh>
    <rPh sb="61" eb="63">
      <t>シケン</t>
    </rPh>
    <rPh sb="66" eb="68">
      <t>ヨウトウ</t>
    </rPh>
    <rPh sb="68" eb="70">
      <t>シケン</t>
    </rPh>
    <rPh sb="71" eb="73">
      <t>スイイ</t>
    </rPh>
    <rPh sb="73" eb="75">
      <t>カイフク</t>
    </rPh>
    <rPh sb="75" eb="77">
      <t>シケン</t>
    </rPh>
    <rPh sb="79" eb="81">
      <t>オンセン</t>
    </rPh>
    <rPh sb="81" eb="83">
      <t>ブンセキ</t>
    </rPh>
    <rPh sb="88" eb="89">
      <t>リョウ</t>
    </rPh>
    <rPh sb="90" eb="92">
      <t>ソクテイ</t>
    </rPh>
    <rPh sb="93" eb="95">
      <t>ハイスイ</t>
    </rPh>
    <rPh sb="96" eb="98">
      <t>ソウオン</t>
    </rPh>
    <rPh sb="99" eb="101">
      <t>アンゼン</t>
    </rPh>
    <rPh sb="101" eb="103">
      <t>タイサク</t>
    </rPh>
    <rPh sb="104" eb="106">
      <t>ケイカク</t>
    </rPh>
    <rPh sb="107" eb="109">
      <t>キサイ</t>
    </rPh>
    <rPh sb="118" eb="120">
      <t>クッサク</t>
    </rPh>
    <rPh sb="120" eb="122">
      <t>ヨテイ</t>
    </rPh>
    <rPh sb="122" eb="124">
      <t>チテン</t>
    </rPh>
    <rPh sb="127" eb="129">
      <t>クッサク</t>
    </rPh>
    <rPh sb="129" eb="131">
      <t>ヨテイ</t>
    </rPh>
    <rPh sb="131" eb="133">
      <t>シンド</t>
    </rPh>
    <rPh sb="134" eb="136">
      <t>センテイ</t>
    </rPh>
    <rPh sb="136" eb="138">
      <t>リユウ</t>
    </rPh>
    <rPh sb="139" eb="141">
      <t>キサ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
    <font>
      <sz val="12"/>
      <name val="ＭＳ 明朝"/>
      <family val="1"/>
      <charset val="128"/>
    </font>
    <font>
      <sz val="6"/>
      <name val="ＭＳ 明朝"/>
      <family val="1"/>
      <charset val="128"/>
    </font>
    <font>
      <b/>
      <sz val="14"/>
      <name val="ＭＳ ゴシック"/>
      <family val="3"/>
      <charset val="128"/>
    </font>
    <font>
      <sz val="10"/>
      <name val="ＭＳ 明朝"/>
      <family val="1"/>
      <charset val="128"/>
    </font>
    <font>
      <b/>
      <sz val="10"/>
      <name val="ＭＳ ゴシック"/>
      <family val="3"/>
      <charset val="128"/>
    </font>
    <font>
      <sz val="11"/>
      <name val="ＭＳ Ｐ明朝"/>
      <family val="1"/>
      <charset val="128"/>
    </font>
  </fonts>
  <fills count="2">
    <fill>
      <patternFill patternType="none"/>
    </fill>
    <fill>
      <patternFill patternType="gray125"/>
    </fill>
  </fills>
  <borders count="11">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s>
  <cellStyleXfs count="1">
    <xf numFmtId="0" fontId="0" fillId="0" borderId="0">
      <alignment vertical="center"/>
    </xf>
  </cellStyleXfs>
  <cellXfs count="35">
    <xf numFmtId="0" fontId="0" fillId="0" borderId="0" xfId="0">
      <alignment vertical="center"/>
    </xf>
    <xf numFmtId="0" fontId="0" fillId="0" borderId="0" xfId="0" applyAlignment="1">
      <alignment horizontal="right" vertical="center"/>
    </xf>
    <xf numFmtId="0" fontId="3" fillId="0" borderId="0" xfId="0" applyFont="1">
      <alignment vertical="center"/>
    </xf>
    <xf numFmtId="0" fontId="0" fillId="0" borderId="0" xfId="0" applyAlignment="1">
      <alignment vertical="top"/>
    </xf>
    <xf numFmtId="0" fontId="5" fillId="0" borderId="2" xfId="0" applyFont="1" applyBorder="1" applyAlignment="1">
      <alignment wrapText="1"/>
    </xf>
    <xf numFmtId="0" fontId="5" fillId="0" borderId="4" xfId="0" applyFont="1" applyBorder="1" applyAlignment="1">
      <alignment vertical="center" wrapText="1"/>
    </xf>
    <xf numFmtId="0" fontId="5" fillId="0" borderId="5" xfId="0" applyFont="1" applyBorder="1" applyAlignment="1">
      <alignment vertical="top" wrapText="1"/>
    </xf>
    <xf numFmtId="0" fontId="5" fillId="0" borderId="1" xfId="0" applyFont="1" applyBorder="1" applyAlignment="1">
      <alignment vertical="center" wrapText="1"/>
    </xf>
    <xf numFmtId="0" fontId="5" fillId="0" borderId="1" xfId="0" applyFont="1" applyFill="1" applyBorder="1" applyAlignment="1">
      <alignment vertical="center" wrapText="1"/>
    </xf>
    <xf numFmtId="0" fontId="5" fillId="0" borderId="1" xfId="0" applyFont="1" applyBorder="1">
      <alignment vertical="center"/>
    </xf>
    <xf numFmtId="0" fontId="5" fillId="0" borderId="1" xfId="0" applyFont="1" applyBorder="1" applyAlignment="1">
      <alignment horizontal="center" vertical="center"/>
    </xf>
    <xf numFmtId="0" fontId="5" fillId="0" borderId="1" xfId="0" applyFont="1" applyBorder="1" applyAlignment="1">
      <alignment horizontal="center" vertical="center" wrapText="1"/>
    </xf>
    <xf numFmtId="0" fontId="5" fillId="0" borderId="2" xfId="0" applyFont="1" applyBorder="1" applyAlignment="1">
      <alignment vertical="center" wrapText="1"/>
    </xf>
    <xf numFmtId="0" fontId="5" fillId="0" borderId="5" xfId="0" applyFont="1" applyBorder="1" applyAlignment="1">
      <alignment vertical="center" wrapText="1"/>
    </xf>
    <xf numFmtId="0" fontId="5" fillId="0" borderId="8" xfId="0" applyFont="1" applyBorder="1" applyAlignment="1">
      <alignment horizontal="center" vertical="center"/>
    </xf>
    <xf numFmtId="0" fontId="5" fillId="0" borderId="9" xfId="0" applyFont="1" applyBorder="1" applyAlignment="1">
      <alignment horizontal="center" vertical="center"/>
    </xf>
    <xf numFmtId="0" fontId="5" fillId="0" borderId="10" xfId="0" applyFont="1" applyBorder="1" applyAlignment="1">
      <alignment horizontal="center" vertical="center"/>
    </xf>
    <xf numFmtId="0" fontId="2" fillId="0" borderId="0" xfId="0" applyFont="1" applyAlignment="1">
      <alignment horizontal="center" vertical="top"/>
    </xf>
    <xf numFmtId="0" fontId="0" fillId="0" borderId="0" xfId="0" applyFont="1" applyAlignment="1">
      <alignment vertical="top"/>
    </xf>
    <xf numFmtId="0" fontId="4" fillId="0" borderId="0" xfId="0" applyFont="1" applyAlignment="1">
      <alignment vertical="center"/>
    </xf>
    <xf numFmtId="0" fontId="3" fillId="0" borderId="0" xfId="0" applyFont="1" applyAlignment="1">
      <alignment vertical="center"/>
    </xf>
    <xf numFmtId="0" fontId="5" fillId="0" borderId="2" xfId="0" applyFont="1" applyBorder="1" applyAlignment="1">
      <alignment horizontal="center" vertical="center"/>
    </xf>
    <xf numFmtId="0" fontId="5" fillId="0" borderId="4" xfId="0" applyFont="1" applyBorder="1" applyAlignment="1">
      <alignment horizontal="center" vertical="center"/>
    </xf>
    <xf numFmtId="0" fontId="5" fillId="0" borderId="5" xfId="0" applyFont="1" applyBorder="1" applyAlignment="1">
      <alignment horizontal="center" vertical="center"/>
    </xf>
    <xf numFmtId="0" fontId="5" fillId="0" borderId="2" xfId="0" applyFont="1" applyBorder="1" applyAlignment="1">
      <alignment vertical="center"/>
    </xf>
    <xf numFmtId="0" fontId="5" fillId="0" borderId="4" xfId="0" applyFont="1" applyBorder="1" applyAlignment="1">
      <alignment vertical="center"/>
    </xf>
    <xf numFmtId="0" fontId="5" fillId="0" borderId="5" xfId="0" applyFont="1" applyBorder="1" applyAlignment="1">
      <alignment vertical="center"/>
    </xf>
    <xf numFmtId="0" fontId="5" fillId="0" borderId="2" xfId="0" applyFont="1" applyBorder="1" applyAlignment="1">
      <alignment horizontal="center" vertical="center" wrapText="1"/>
    </xf>
    <xf numFmtId="0" fontId="5" fillId="0" borderId="4" xfId="0" applyFont="1" applyBorder="1" applyAlignment="1">
      <alignment horizontal="center" vertical="center" wrapText="1"/>
    </xf>
    <xf numFmtId="0" fontId="5" fillId="0" borderId="5" xfId="0" applyFont="1" applyBorder="1" applyAlignment="1">
      <alignment horizontal="center" vertical="center" wrapText="1"/>
    </xf>
    <xf numFmtId="0" fontId="5" fillId="0" borderId="2" xfId="0" applyFont="1" applyBorder="1" applyAlignment="1">
      <alignment vertical="center" wrapText="1"/>
    </xf>
    <xf numFmtId="0" fontId="5" fillId="0" borderId="5" xfId="0" applyFont="1" applyBorder="1" applyAlignment="1">
      <alignment vertical="center" wrapText="1"/>
    </xf>
    <xf numFmtId="0" fontId="5" fillId="0" borderId="3" xfId="0" applyFont="1" applyBorder="1" applyAlignment="1">
      <alignment vertical="center" wrapText="1"/>
    </xf>
    <xf numFmtId="0" fontId="5" fillId="0" borderId="6" xfId="0" applyFont="1" applyBorder="1" applyAlignment="1">
      <alignment vertical="center" wrapText="1"/>
    </xf>
    <xf numFmtId="0" fontId="5" fillId="0" borderId="7" xfId="0" applyFont="1" applyBorder="1" applyAlignment="1">
      <alignment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26"/>
  <sheetViews>
    <sheetView tabSelected="1" zoomScaleNormal="100" zoomScaleSheetLayoutView="100" workbookViewId="0">
      <selection activeCell="C13" sqref="C13"/>
    </sheetView>
  </sheetViews>
  <sheetFormatPr defaultRowHeight="14.4"/>
  <cols>
    <col min="1" max="1" width="3.5" bestFit="1" customWidth="1"/>
    <col min="2" max="2" width="20.5" customWidth="1"/>
    <col min="3" max="3" width="56.5" customWidth="1"/>
    <col min="4" max="4" width="5.69921875" customWidth="1"/>
    <col min="5" max="5" width="0" hidden="1" customWidth="1"/>
  </cols>
  <sheetData>
    <row r="1" spans="1:4">
      <c r="D1" s="1"/>
    </row>
    <row r="2" spans="1:4" ht="24" customHeight="1">
      <c r="A2" s="17" t="s">
        <v>13</v>
      </c>
      <c r="B2" s="17"/>
      <c r="C2" s="17"/>
      <c r="D2" s="18"/>
    </row>
    <row r="3" spans="1:4">
      <c r="A3" s="10"/>
      <c r="B3" s="10" t="s">
        <v>14</v>
      </c>
      <c r="C3" s="10" t="s">
        <v>12</v>
      </c>
      <c r="D3" s="10" t="s">
        <v>17</v>
      </c>
    </row>
    <row r="4" spans="1:4" ht="13.2" customHeight="1">
      <c r="A4" s="21">
        <v>1</v>
      </c>
      <c r="B4" s="24" t="s">
        <v>15</v>
      </c>
      <c r="C4" s="4" t="s">
        <v>40</v>
      </c>
      <c r="D4" s="27" t="s">
        <v>18</v>
      </c>
    </row>
    <row r="5" spans="1:4" ht="13.2" customHeight="1">
      <c r="A5" s="22"/>
      <c r="B5" s="25"/>
      <c r="C5" s="5" t="s">
        <v>43</v>
      </c>
      <c r="D5" s="28"/>
    </row>
    <row r="6" spans="1:4" ht="13.2" customHeight="1">
      <c r="A6" s="23"/>
      <c r="B6" s="26"/>
      <c r="C6" s="6" t="s">
        <v>44</v>
      </c>
      <c r="D6" s="29"/>
    </row>
    <row r="7" spans="1:4" ht="13.2" customHeight="1">
      <c r="A7" s="21">
        <v>2</v>
      </c>
      <c r="B7" s="30" t="s">
        <v>0</v>
      </c>
      <c r="C7" s="12" t="s">
        <v>25</v>
      </c>
      <c r="D7" s="21" t="s">
        <v>19</v>
      </c>
    </row>
    <row r="8" spans="1:4" ht="13.2" customHeight="1">
      <c r="A8" s="23"/>
      <c r="B8" s="31"/>
      <c r="C8" s="5" t="s">
        <v>26</v>
      </c>
      <c r="D8" s="23"/>
    </row>
    <row r="9" spans="1:4" ht="13.2" customHeight="1">
      <c r="A9" s="21">
        <v>3</v>
      </c>
      <c r="B9" s="32" t="s">
        <v>1</v>
      </c>
      <c r="C9" s="4" t="s">
        <v>30</v>
      </c>
      <c r="D9" s="14" t="s">
        <v>19</v>
      </c>
    </row>
    <row r="10" spans="1:4" ht="13.2" customHeight="1">
      <c r="A10" s="22"/>
      <c r="B10" s="33"/>
      <c r="C10" s="5" t="s">
        <v>42</v>
      </c>
      <c r="D10" s="15"/>
    </row>
    <row r="11" spans="1:4" s="3" customFormat="1" ht="13.2" customHeight="1">
      <c r="A11" s="23"/>
      <c r="B11" s="34"/>
      <c r="C11" s="6" t="s">
        <v>41</v>
      </c>
      <c r="D11" s="16"/>
    </row>
    <row r="12" spans="1:4" ht="79.2">
      <c r="A12" s="10">
        <v>4</v>
      </c>
      <c r="B12" s="7" t="s">
        <v>2</v>
      </c>
      <c r="C12" s="13" t="s">
        <v>39</v>
      </c>
      <c r="D12" s="10" t="s">
        <v>19</v>
      </c>
    </row>
    <row r="13" spans="1:4" ht="30" customHeight="1">
      <c r="A13" s="10">
        <v>5</v>
      </c>
      <c r="B13" s="7" t="s">
        <v>3</v>
      </c>
      <c r="C13" s="7" t="s">
        <v>31</v>
      </c>
      <c r="D13" s="10" t="s">
        <v>19</v>
      </c>
    </row>
    <row r="14" spans="1:4" ht="79.2">
      <c r="A14" s="10">
        <v>6</v>
      </c>
      <c r="B14" s="7" t="s">
        <v>4</v>
      </c>
      <c r="C14" s="8" t="s">
        <v>37</v>
      </c>
      <c r="D14" s="10" t="s">
        <v>19</v>
      </c>
    </row>
    <row r="15" spans="1:4" ht="42" customHeight="1">
      <c r="A15" s="10">
        <v>7</v>
      </c>
      <c r="B15" s="7" t="s">
        <v>16</v>
      </c>
      <c r="C15" s="7" t="s">
        <v>27</v>
      </c>
      <c r="D15" s="10" t="s">
        <v>19</v>
      </c>
    </row>
    <row r="16" spans="1:4" ht="52.8">
      <c r="A16" s="10">
        <v>8</v>
      </c>
      <c r="B16" s="7" t="s">
        <v>5</v>
      </c>
      <c r="C16" s="7" t="s">
        <v>38</v>
      </c>
      <c r="D16" s="10" t="s">
        <v>21</v>
      </c>
    </row>
    <row r="17" spans="1:4" ht="39.6">
      <c r="A17" s="10">
        <v>9</v>
      </c>
      <c r="B17" s="7" t="s">
        <v>6</v>
      </c>
      <c r="C17" s="7" t="s">
        <v>32</v>
      </c>
      <c r="D17" s="10" t="s">
        <v>21</v>
      </c>
    </row>
    <row r="18" spans="1:4" ht="96" customHeight="1">
      <c r="A18" s="10">
        <v>10</v>
      </c>
      <c r="B18" s="7" t="s">
        <v>7</v>
      </c>
      <c r="C18" s="7" t="s">
        <v>45</v>
      </c>
      <c r="D18" s="10" t="s">
        <v>21</v>
      </c>
    </row>
    <row r="19" spans="1:4" ht="31.5" customHeight="1">
      <c r="A19" s="10">
        <v>11</v>
      </c>
      <c r="B19" s="7" t="s">
        <v>8</v>
      </c>
      <c r="C19" s="7" t="s">
        <v>33</v>
      </c>
      <c r="D19" s="10" t="s">
        <v>21</v>
      </c>
    </row>
    <row r="20" spans="1:4" ht="44.25" customHeight="1">
      <c r="A20" s="10">
        <v>12</v>
      </c>
      <c r="B20" s="7" t="s">
        <v>9</v>
      </c>
      <c r="C20" s="7" t="s">
        <v>28</v>
      </c>
      <c r="D20" s="10" t="s">
        <v>19</v>
      </c>
    </row>
    <row r="21" spans="1:4" ht="32.25" customHeight="1">
      <c r="A21" s="10">
        <v>13</v>
      </c>
      <c r="B21" s="7" t="s">
        <v>10</v>
      </c>
      <c r="C21" s="7" t="s">
        <v>34</v>
      </c>
      <c r="D21" s="11" t="s">
        <v>36</v>
      </c>
    </row>
    <row r="22" spans="1:4" ht="30" customHeight="1">
      <c r="A22" s="10">
        <v>14</v>
      </c>
      <c r="B22" s="7" t="s">
        <v>23</v>
      </c>
      <c r="C22" s="7" t="s">
        <v>22</v>
      </c>
      <c r="D22" s="11" t="s">
        <v>36</v>
      </c>
    </row>
    <row r="23" spans="1:4" ht="30.75" customHeight="1">
      <c r="A23" s="10">
        <v>15</v>
      </c>
      <c r="B23" s="7" t="s">
        <v>11</v>
      </c>
      <c r="C23" s="7" t="s">
        <v>29</v>
      </c>
      <c r="D23" s="11" t="s">
        <v>36</v>
      </c>
    </row>
    <row r="24" spans="1:4" ht="17.25" customHeight="1">
      <c r="A24" s="10">
        <v>16</v>
      </c>
      <c r="B24" s="9" t="s">
        <v>35</v>
      </c>
      <c r="C24" s="9"/>
      <c r="D24" s="10" t="s">
        <v>20</v>
      </c>
    </row>
    <row r="25" spans="1:4">
      <c r="A25" s="2"/>
      <c r="B25" s="2"/>
      <c r="C25" s="2"/>
      <c r="D25" s="2"/>
    </row>
    <row r="26" spans="1:4">
      <c r="A26" s="19" t="s">
        <v>24</v>
      </c>
      <c r="B26" s="19"/>
      <c r="C26" s="19"/>
      <c r="D26" s="20"/>
    </row>
  </sheetData>
  <mergeCells count="11">
    <mergeCell ref="D9:D11"/>
    <mergeCell ref="A2:D2"/>
    <mergeCell ref="A26:D26"/>
    <mergeCell ref="A4:A6"/>
    <mergeCell ref="B4:B6"/>
    <mergeCell ref="D4:D6"/>
    <mergeCell ref="A7:A8"/>
    <mergeCell ref="B7:B8"/>
    <mergeCell ref="D7:D8"/>
    <mergeCell ref="A9:A11"/>
    <mergeCell ref="B9:B11"/>
  </mergeCells>
  <phoneticPr fontId="1"/>
  <pageMargins left="0.78740157480314965" right="0.19685039370078741" top="0.39370078740157483" bottom="0.39370078740157483" header="0.19685039370078741" footer="0.19685039370078741"/>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資料９（掘削）</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温泉課</dc:creator>
  <cp:lastModifiedBy>oka</cp:lastModifiedBy>
  <cp:lastPrinted>2019-09-03T07:01:47Z</cp:lastPrinted>
  <dcterms:created xsi:type="dcterms:W3CDTF">2008-11-04T08:00:37Z</dcterms:created>
  <dcterms:modified xsi:type="dcterms:W3CDTF">2025-08-29T08:12:27Z</dcterms:modified>
</cp:coreProperties>
</file>